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910"/>
  </bookViews>
  <sheets>
    <sheet name="19-14" sheetId="37" r:id="rId1"/>
  </sheets>
  <definedNames>
    <definedName name="_xlnm.Print_Area" localSheetId="0">'19-14'!$A$1:$K$24</definedName>
  </definedNames>
  <calcPr calcId="152511"/>
</workbook>
</file>

<file path=xl/calcChain.xml><?xml version="1.0" encoding="utf-8"?>
<calcChain xmlns="http://schemas.openxmlformats.org/spreadsheetml/2006/main">
  <c r="C22" i="37" l="1"/>
  <c r="B22" i="37"/>
</calcChain>
</file>

<file path=xl/sharedStrings.xml><?xml version="1.0" encoding="utf-8"?>
<sst xmlns="http://schemas.openxmlformats.org/spreadsheetml/2006/main" count="22" uniqueCount="14">
  <si>
    <t>年度</t>
    <rPh sb="0" eb="2">
      <t>ネンド</t>
    </rPh>
    <phoneticPr fontId="2"/>
  </si>
  <si>
    <t>総数</t>
    <rPh sb="0" eb="2">
      <t>ソウスウ</t>
    </rPh>
    <phoneticPr fontId="2"/>
  </si>
  <si>
    <t>平成14年度</t>
    <rPh sb="0" eb="2">
      <t>ヘイセイ</t>
    </rPh>
    <rPh sb="4" eb="6">
      <t>ネンド</t>
    </rPh>
    <phoneticPr fontId="2"/>
  </si>
  <si>
    <t>人数</t>
    <rPh sb="0" eb="2">
      <t>ニンズウ</t>
    </rPh>
    <phoneticPr fontId="2"/>
  </si>
  <si>
    <t>年金額</t>
    <rPh sb="0" eb="3">
      <t>ネンキンガク</t>
    </rPh>
    <phoneticPr fontId="2"/>
  </si>
  <si>
    <t>老齢基礎年金</t>
    <rPh sb="0" eb="2">
      <t>ロウレイ</t>
    </rPh>
    <rPh sb="2" eb="4">
      <t>キソ</t>
    </rPh>
    <rPh sb="4" eb="6">
      <t>ネンキン</t>
    </rPh>
    <phoneticPr fontId="2"/>
  </si>
  <si>
    <t>障害基礎年金</t>
    <rPh sb="0" eb="2">
      <t>ショウガイ</t>
    </rPh>
    <rPh sb="2" eb="6">
      <t>キソネンキン</t>
    </rPh>
    <phoneticPr fontId="2"/>
  </si>
  <si>
    <t>遺族基礎年金</t>
    <rPh sb="0" eb="2">
      <t>イゾク</t>
    </rPh>
    <rPh sb="2" eb="4">
      <t>キソ</t>
    </rPh>
    <rPh sb="4" eb="6">
      <t>ネンキン</t>
    </rPh>
    <phoneticPr fontId="2"/>
  </si>
  <si>
    <t>老齢福祉年金</t>
    <rPh sb="0" eb="2">
      <t>ロウレイ</t>
    </rPh>
    <rPh sb="2" eb="4">
      <t>フクシ</t>
    </rPh>
    <rPh sb="4" eb="6">
      <t>ネンキン</t>
    </rPh>
    <phoneticPr fontId="2"/>
  </si>
  <si>
    <t>（単位：人，千円）</t>
    <rPh sb="1" eb="3">
      <t>タンイ</t>
    </rPh>
    <rPh sb="4" eb="5">
      <t>ヒト</t>
    </rPh>
    <rPh sb="6" eb="8">
      <t>センエン</t>
    </rPh>
    <phoneticPr fontId="2"/>
  </si>
  <si>
    <t>19-14　基礎年金受給権者数及び年金額</t>
    <rPh sb="6" eb="10">
      <t>キソネンキン</t>
    </rPh>
    <rPh sb="10" eb="12">
      <t>ジュキュウ</t>
    </rPh>
    <rPh sb="12" eb="13">
      <t>ケン</t>
    </rPh>
    <rPh sb="13" eb="14">
      <t>シャ</t>
    </rPh>
    <rPh sb="14" eb="15">
      <t>カズ</t>
    </rPh>
    <rPh sb="15" eb="16">
      <t>オヨ</t>
    </rPh>
    <rPh sb="17" eb="19">
      <t>ネンキン</t>
    </rPh>
    <rPh sb="19" eb="20">
      <t>ガク</t>
    </rPh>
    <phoneticPr fontId="2"/>
  </si>
  <si>
    <t>資料：国保医療課</t>
    <rPh sb="0" eb="2">
      <t>シリョウ</t>
    </rPh>
    <rPh sb="3" eb="5">
      <t>コクホ</t>
    </rPh>
    <rPh sb="5" eb="8">
      <t>イリョウカ</t>
    </rPh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color indexed="10"/>
      <name val="明朝"/>
      <family val="1"/>
      <charset val="128"/>
    </font>
    <font>
      <sz val="10"/>
      <color indexed="8"/>
      <name val="明朝"/>
      <family val="1"/>
      <charset val="128"/>
    </font>
    <font>
      <sz val="9"/>
      <color indexed="8"/>
      <name val="明朝"/>
      <family val="1"/>
      <charset val="128"/>
    </font>
    <font>
      <sz val="11"/>
      <color indexed="8"/>
      <name val="明朝"/>
      <family val="1"/>
      <charset val="128"/>
    </font>
    <font>
      <sz val="9"/>
      <color rgb="FFFF0000"/>
      <name val="明朝"/>
      <family val="1"/>
      <charset val="128"/>
    </font>
    <font>
      <sz val="11"/>
      <color rgb="FFFF000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9">
    <xf numFmtId="0" fontId="0" fillId="0" borderId="0" xfId="0"/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38" fontId="3" fillId="0" borderId="0" xfId="0" applyNumberFormat="1" applyFont="1" applyAlignment="1">
      <alignment vertical="center"/>
    </xf>
    <xf numFmtId="0" fontId="5" fillId="0" borderId="0" xfId="0" applyFont="1" applyFill="1" applyBorder="1" applyAlignment="1">
      <alignment horizontal="center" vertical="center"/>
    </xf>
    <xf numFmtId="38" fontId="6" fillId="0" borderId="0" xfId="1" applyFont="1" applyFill="1" applyBorder="1" applyAlignment="1">
      <alignment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38" fontId="6" fillId="0" borderId="4" xfId="1" applyFont="1" applyBorder="1" applyAlignment="1">
      <alignment vertical="center"/>
    </xf>
    <xf numFmtId="38" fontId="6" fillId="0" borderId="5" xfId="1" applyFont="1" applyBorder="1" applyAlignment="1">
      <alignment vertical="center"/>
    </xf>
    <xf numFmtId="38" fontId="6" fillId="0" borderId="0" xfId="1" applyFont="1" applyBorder="1" applyAlignment="1">
      <alignment vertical="center"/>
    </xf>
    <xf numFmtId="38" fontId="6" fillId="0" borderId="6" xfId="1" applyFont="1" applyBorder="1" applyAlignment="1">
      <alignment vertical="center"/>
    </xf>
    <xf numFmtId="38" fontId="6" fillId="0" borderId="6" xfId="1" applyFont="1" applyFill="1" applyBorder="1" applyAlignment="1">
      <alignment vertical="center"/>
    </xf>
    <xf numFmtId="38" fontId="9" fillId="0" borderId="0" xfId="1" applyFont="1" applyFill="1" applyBorder="1" applyAlignment="1">
      <alignment vertical="center"/>
    </xf>
    <xf numFmtId="38" fontId="9" fillId="0" borderId="6" xfId="1" applyFont="1" applyFill="1" applyBorder="1" applyAlignment="1">
      <alignment vertical="center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3" fillId="0" borderId="10" xfId="0" applyFont="1" applyBorder="1" applyAlignment="1">
      <alignment vertical="center"/>
    </xf>
    <xf numFmtId="38" fontId="6" fillId="0" borderId="11" xfId="1" applyFont="1" applyFill="1" applyBorder="1" applyAlignment="1">
      <alignment vertical="center"/>
    </xf>
    <xf numFmtId="38" fontId="6" fillId="0" borderId="12" xfId="1" applyFont="1" applyFill="1" applyBorder="1" applyAlignment="1">
      <alignment vertical="center"/>
    </xf>
    <xf numFmtId="38" fontId="6" fillId="0" borderId="13" xfId="1" applyFont="1" applyFill="1" applyBorder="1" applyAlignment="1">
      <alignment vertical="center"/>
    </xf>
    <xf numFmtId="38" fontId="6" fillId="0" borderId="14" xfId="1" applyFont="1" applyFill="1" applyBorder="1" applyAlignment="1">
      <alignment vertical="center"/>
    </xf>
    <xf numFmtId="0" fontId="5" fillId="0" borderId="15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38" fontId="11" fillId="0" borderId="0" xfId="1" applyFont="1" applyFill="1" applyBorder="1" applyAlignment="1">
      <alignment vertical="center"/>
    </xf>
    <xf numFmtId="0" fontId="12" fillId="0" borderId="0" xfId="0" applyFont="1" applyAlignment="1">
      <alignment vertical="center"/>
    </xf>
    <xf numFmtId="0" fontId="5" fillId="0" borderId="0" xfId="0" applyFont="1" applyFill="1" applyAlignment="1">
      <alignment vertical="center"/>
    </xf>
    <xf numFmtId="0" fontId="5" fillId="0" borderId="0" xfId="0" applyFont="1" applyFill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7"/>
  <sheetViews>
    <sheetView tabSelected="1" zoomScaleNormal="100" zoomScaleSheetLayoutView="100" workbookViewId="0">
      <pane xSplit="1" ySplit="4" topLeftCell="B5" activePane="bottomRight" state="frozen"/>
      <selection pane="topRight" activeCell="B1" sqref="B1"/>
      <selection pane="bottomLeft" activeCell="A4" sqref="A4"/>
      <selection pane="bottomRight" activeCell="A2" sqref="A2"/>
    </sheetView>
  </sheetViews>
  <sheetFormatPr defaultRowHeight="13.5"/>
  <cols>
    <col min="1" max="1" width="11.125" style="2" customWidth="1"/>
    <col min="2" max="2" width="7.375" style="2" customWidth="1"/>
    <col min="3" max="3" width="9.125" style="2" customWidth="1"/>
    <col min="4" max="4" width="7.375" style="2" customWidth="1"/>
    <col min="5" max="5" width="9" style="2"/>
    <col min="6" max="6" width="7" style="2" customWidth="1"/>
    <col min="7" max="7" width="7.875" style="2" customWidth="1"/>
    <col min="8" max="8" width="7" style="2" customWidth="1"/>
    <col min="9" max="9" width="7.375" style="2" customWidth="1"/>
    <col min="10" max="11" width="6.375" style="2" customWidth="1"/>
    <col min="12" max="12" width="6.875" style="2" customWidth="1"/>
    <col min="13" max="13" width="0.25" style="2" customWidth="1"/>
    <col min="14" max="14" width="10.875" style="2" bestFit="1" customWidth="1"/>
    <col min="15" max="16384" width="9" style="2"/>
  </cols>
  <sheetData>
    <row r="1" spans="1:21" s="4" customFormat="1" ht="18" customHeight="1">
      <c r="A1" s="36" t="s">
        <v>13</v>
      </c>
      <c r="M1" s="37"/>
      <c r="N1" s="37"/>
      <c r="O1" s="37"/>
      <c r="P1" s="38"/>
      <c r="Q1" s="38"/>
      <c r="R1" s="38"/>
      <c r="S1" s="38"/>
      <c r="T1" s="38"/>
      <c r="U1" s="38"/>
    </row>
    <row r="2" spans="1:21" ht="19.5" customHeight="1" thickBot="1">
      <c r="A2" s="1" t="s">
        <v>10</v>
      </c>
      <c r="K2" s="3" t="s">
        <v>9</v>
      </c>
    </row>
    <row r="3" spans="1:21" ht="17.25" customHeight="1">
      <c r="A3" s="32" t="s">
        <v>0</v>
      </c>
      <c r="B3" s="34" t="s">
        <v>1</v>
      </c>
      <c r="C3" s="30"/>
      <c r="D3" s="30" t="s">
        <v>5</v>
      </c>
      <c r="E3" s="30"/>
      <c r="F3" s="30" t="s">
        <v>6</v>
      </c>
      <c r="G3" s="30"/>
      <c r="H3" s="30" t="s">
        <v>7</v>
      </c>
      <c r="I3" s="30"/>
      <c r="J3" s="30" t="s">
        <v>8</v>
      </c>
      <c r="K3" s="31"/>
    </row>
    <row r="4" spans="1:21" ht="17.25" customHeight="1">
      <c r="A4" s="33"/>
      <c r="B4" s="12" t="s">
        <v>3</v>
      </c>
      <c r="C4" s="5" t="s">
        <v>4</v>
      </c>
      <c r="D4" s="5" t="s">
        <v>3</v>
      </c>
      <c r="E4" s="5" t="s">
        <v>4</v>
      </c>
      <c r="F4" s="5" t="s">
        <v>3</v>
      </c>
      <c r="G4" s="5" t="s">
        <v>4</v>
      </c>
      <c r="H4" s="5" t="s">
        <v>3</v>
      </c>
      <c r="I4" s="5" t="s">
        <v>4</v>
      </c>
      <c r="J4" s="5" t="s">
        <v>3</v>
      </c>
      <c r="K4" s="11" t="s">
        <v>4</v>
      </c>
    </row>
    <row r="5" spans="1:21" ht="27.75" customHeight="1">
      <c r="A5" s="20" t="s">
        <v>2</v>
      </c>
      <c r="B5" s="13">
        <v>23001</v>
      </c>
      <c r="C5" s="13">
        <v>14097082</v>
      </c>
      <c r="D5" s="13">
        <v>20989</v>
      </c>
      <c r="E5" s="13">
        <v>12407660</v>
      </c>
      <c r="F5" s="13">
        <v>1556</v>
      </c>
      <c r="G5" s="13">
        <v>1403212</v>
      </c>
      <c r="H5" s="13">
        <v>331</v>
      </c>
      <c r="I5" s="13">
        <v>245853</v>
      </c>
      <c r="J5" s="13">
        <v>125</v>
      </c>
      <c r="K5" s="14">
        <v>40357</v>
      </c>
    </row>
    <row r="6" spans="1:21" ht="27.75" customHeight="1">
      <c r="A6" s="21">
        <v>15</v>
      </c>
      <c r="B6" s="15">
        <v>23510</v>
      </c>
      <c r="C6" s="15">
        <v>14462786</v>
      </c>
      <c r="D6" s="15">
        <v>21493</v>
      </c>
      <c r="E6" s="15">
        <v>12789697</v>
      </c>
      <c r="F6" s="15">
        <v>1571</v>
      </c>
      <c r="G6" s="15">
        <v>1398164</v>
      </c>
      <c r="H6" s="15">
        <v>334</v>
      </c>
      <c r="I6" s="15">
        <v>244613</v>
      </c>
      <c r="J6" s="15">
        <v>112</v>
      </c>
      <c r="K6" s="16">
        <v>30312</v>
      </c>
    </row>
    <row r="7" spans="1:21" ht="27.75" customHeight="1">
      <c r="A7" s="21">
        <v>16</v>
      </c>
      <c r="B7" s="15">
        <v>23947</v>
      </c>
      <c r="C7" s="15">
        <v>14852932</v>
      </c>
      <c r="D7" s="15">
        <v>21910</v>
      </c>
      <c r="E7" s="15">
        <v>13165879</v>
      </c>
      <c r="F7" s="15">
        <v>1589</v>
      </c>
      <c r="G7" s="15">
        <v>1407383</v>
      </c>
      <c r="H7" s="15">
        <v>348</v>
      </c>
      <c r="I7" s="15">
        <v>253188</v>
      </c>
      <c r="J7" s="15">
        <v>100</v>
      </c>
      <c r="K7" s="16">
        <v>26482</v>
      </c>
    </row>
    <row r="8" spans="1:21" ht="27.75" customHeight="1">
      <c r="A8" s="21">
        <v>17</v>
      </c>
      <c r="B8" s="15">
        <v>24534</v>
      </c>
      <c r="C8" s="15">
        <v>15437919</v>
      </c>
      <c r="D8" s="15">
        <v>22527</v>
      </c>
      <c r="E8" s="15">
        <v>13749342</v>
      </c>
      <c r="F8" s="15">
        <v>1607</v>
      </c>
      <c r="G8" s="15">
        <v>1421459</v>
      </c>
      <c r="H8" s="15">
        <v>338</v>
      </c>
      <c r="I8" s="15">
        <v>247728</v>
      </c>
      <c r="J8" s="15">
        <v>62</v>
      </c>
      <c r="K8" s="16">
        <v>19390</v>
      </c>
    </row>
    <row r="9" spans="1:21" ht="27.75" customHeight="1">
      <c r="A9" s="21">
        <v>18</v>
      </c>
      <c r="B9" s="10">
        <v>25136</v>
      </c>
      <c r="C9" s="10">
        <v>15956897</v>
      </c>
      <c r="D9" s="10">
        <v>23101</v>
      </c>
      <c r="E9" s="10">
        <v>14236794</v>
      </c>
      <c r="F9" s="10">
        <v>1666</v>
      </c>
      <c r="G9" s="10">
        <v>1469290</v>
      </c>
      <c r="H9" s="10">
        <v>324</v>
      </c>
      <c r="I9" s="10">
        <v>237527</v>
      </c>
      <c r="J9" s="10">
        <v>45</v>
      </c>
      <c r="K9" s="17">
        <v>13286</v>
      </c>
    </row>
    <row r="10" spans="1:21" ht="27.75" customHeight="1">
      <c r="A10" s="22">
        <v>19</v>
      </c>
      <c r="B10" s="10">
        <v>25665</v>
      </c>
      <c r="C10" s="10">
        <v>16459374</v>
      </c>
      <c r="D10" s="10">
        <v>23617</v>
      </c>
      <c r="E10" s="10">
        <v>14717098</v>
      </c>
      <c r="F10" s="10">
        <v>1706</v>
      </c>
      <c r="G10" s="10">
        <v>1502436</v>
      </c>
      <c r="H10" s="10">
        <v>313</v>
      </c>
      <c r="I10" s="10">
        <v>231353</v>
      </c>
      <c r="J10" s="10">
        <v>29</v>
      </c>
      <c r="K10" s="17">
        <v>8487</v>
      </c>
    </row>
    <row r="11" spans="1:21" s="7" customFormat="1" ht="27.75" customHeight="1">
      <c r="A11" s="23">
        <v>20</v>
      </c>
      <c r="B11" s="18">
        <v>26249</v>
      </c>
      <c r="C11" s="18">
        <v>17005780</v>
      </c>
      <c r="D11" s="18">
        <v>24191</v>
      </c>
      <c r="E11" s="18">
        <v>15251172</v>
      </c>
      <c r="F11" s="18">
        <v>1734</v>
      </c>
      <c r="G11" s="18">
        <v>1523625</v>
      </c>
      <c r="H11" s="18">
        <v>300</v>
      </c>
      <c r="I11" s="18">
        <v>224525</v>
      </c>
      <c r="J11" s="18">
        <v>24</v>
      </c>
      <c r="K11" s="19">
        <v>6458</v>
      </c>
    </row>
    <row r="12" spans="1:21" ht="27.75" customHeight="1">
      <c r="A12" s="22">
        <v>21</v>
      </c>
      <c r="B12" s="10">
        <v>26792</v>
      </c>
      <c r="C12" s="35">
        <v>17536437</v>
      </c>
      <c r="D12" s="10">
        <v>24742</v>
      </c>
      <c r="E12" s="10">
        <v>15785304</v>
      </c>
      <c r="F12" s="10">
        <v>1751</v>
      </c>
      <c r="G12" s="10">
        <v>1537223</v>
      </c>
      <c r="H12" s="10">
        <v>281</v>
      </c>
      <c r="I12" s="10">
        <v>209057</v>
      </c>
      <c r="J12" s="10">
        <v>18</v>
      </c>
      <c r="K12" s="17">
        <v>4853</v>
      </c>
    </row>
    <row r="13" spans="1:21" ht="27.75" customHeight="1">
      <c r="A13" s="22">
        <v>22</v>
      </c>
      <c r="B13" s="10">
        <v>27120</v>
      </c>
      <c r="C13" s="10">
        <v>17877334</v>
      </c>
      <c r="D13" s="10">
        <v>25050</v>
      </c>
      <c r="E13" s="10">
        <v>16108129</v>
      </c>
      <c r="F13" s="10">
        <v>1785</v>
      </c>
      <c r="G13" s="10">
        <v>1565815</v>
      </c>
      <c r="H13" s="10">
        <v>269</v>
      </c>
      <c r="I13" s="10">
        <v>199348</v>
      </c>
      <c r="J13" s="10">
        <v>16</v>
      </c>
      <c r="K13" s="17">
        <v>4042</v>
      </c>
    </row>
    <row r="14" spans="1:21" ht="27.75" customHeight="1">
      <c r="A14" s="22">
        <v>23</v>
      </c>
      <c r="B14" s="10">
        <v>27414</v>
      </c>
      <c r="C14" s="10">
        <v>18187232</v>
      </c>
      <c r="D14" s="10">
        <v>25356</v>
      </c>
      <c r="E14" s="10">
        <v>16428545</v>
      </c>
      <c r="F14" s="10">
        <v>1804</v>
      </c>
      <c r="G14" s="10">
        <v>1574294</v>
      </c>
      <c r="H14" s="10">
        <v>243</v>
      </c>
      <c r="I14" s="10">
        <v>181983</v>
      </c>
      <c r="J14" s="10">
        <v>11</v>
      </c>
      <c r="K14" s="17">
        <v>2410</v>
      </c>
    </row>
    <row r="15" spans="1:21" ht="27.75" customHeight="1">
      <c r="A15" s="22">
        <v>24</v>
      </c>
      <c r="B15" s="10">
        <v>28175</v>
      </c>
      <c r="C15" s="10">
        <v>18836996</v>
      </c>
      <c r="D15" s="10">
        <v>26102</v>
      </c>
      <c r="E15" s="10">
        <v>17063825</v>
      </c>
      <c r="F15" s="10">
        <v>1832</v>
      </c>
      <c r="G15" s="10">
        <v>1595499</v>
      </c>
      <c r="H15" s="10">
        <v>234</v>
      </c>
      <c r="I15" s="10">
        <v>176633</v>
      </c>
      <c r="J15" s="10">
        <v>7</v>
      </c>
      <c r="K15" s="17">
        <v>1039</v>
      </c>
    </row>
    <row r="16" spans="1:21" ht="27.75" customHeight="1">
      <c r="A16" s="22">
        <v>25</v>
      </c>
      <c r="B16" s="28">
        <v>28813</v>
      </c>
      <c r="C16" s="10">
        <v>19408882</v>
      </c>
      <c r="D16" s="10">
        <v>26749</v>
      </c>
      <c r="E16" s="10">
        <v>17646884</v>
      </c>
      <c r="F16" s="10">
        <v>1857</v>
      </c>
      <c r="G16" s="10">
        <v>1611090</v>
      </c>
      <c r="H16" s="10">
        <v>201</v>
      </c>
      <c r="I16" s="10">
        <v>149876</v>
      </c>
      <c r="J16" s="10">
        <v>6</v>
      </c>
      <c r="K16" s="17">
        <v>1032</v>
      </c>
      <c r="N16" s="8"/>
    </row>
    <row r="17" spans="1:14" ht="27.75" customHeight="1">
      <c r="A17" s="22">
        <v>26</v>
      </c>
      <c r="B17" s="28">
        <v>29541</v>
      </c>
      <c r="C17" s="10">
        <v>19769518</v>
      </c>
      <c r="D17" s="10">
        <v>27441</v>
      </c>
      <c r="E17" s="10">
        <v>18001128</v>
      </c>
      <c r="F17" s="10">
        <v>1900</v>
      </c>
      <c r="G17" s="10">
        <v>1621507</v>
      </c>
      <c r="H17" s="10">
        <v>193</v>
      </c>
      <c r="I17" s="10">
        <v>145536</v>
      </c>
      <c r="J17" s="10">
        <v>7</v>
      </c>
      <c r="K17" s="17">
        <v>1347</v>
      </c>
      <c r="N17" s="8"/>
    </row>
    <row r="18" spans="1:14" ht="27.75" customHeight="1">
      <c r="A18" s="22">
        <v>27</v>
      </c>
      <c r="B18" s="28">
        <v>30274</v>
      </c>
      <c r="C18" s="10">
        <v>20598287</v>
      </c>
      <c r="D18" s="10">
        <v>28152</v>
      </c>
      <c r="E18" s="10">
        <v>18793832</v>
      </c>
      <c r="F18" s="10">
        <v>1933</v>
      </c>
      <c r="G18" s="10">
        <v>1663015</v>
      </c>
      <c r="H18" s="10">
        <v>183</v>
      </c>
      <c r="I18" s="10">
        <v>140406</v>
      </c>
      <c r="J18" s="10">
        <v>6</v>
      </c>
      <c r="K18" s="17">
        <v>1034</v>
      </c>
      <c r="L18" s="25"/>
      <c r="N18" s="8"/>
    </row>
    <row r="19" spans="1:14" ht="27.75" customHeight="1">
      <c r="A19" s="22">
        <v>28</v>
      </c>
      <c r="B19" s="28">
        <v>30778</v>
      </c>
      <c r="C19" s="10">
        <v>21085086</v>
      </c>
      <c r="D19" s="10">
        <v>28630</v>
      </c>
      <c r="E19" s="10">
        <v>19253635</v>
      </c>
      <c r="F19" s="10">
        <v>1964</v>
      </c>
      <c r="G19" s="10">
        <v>1690977</v>
      </c>
      <c r="H19" s="10">
        <v>184</v>
      </c>
      <c r="I19" s="10">
        <v>140474</v>
      </c>
      <c r="J19" s="10">
        <v>0</v>
      </c>
      <c r="K19" s="17">
        <v>0</v>
      </c>
      <c r="L19" s="25"/>
      <c r="N19" s="8"/>
    </row>
    <row r="20" spans="1:14" ht="27.75" customHeight="1">
      <c r="A20" s="22">
        <v>29</v>
      </c>
      <c r="B20" s="28">
        <v>31434</v>
      </c>
      <c r="C20" s="10">
        <v>21552843</v>
      </c>
      <c r="D20" s="10">
        <v>29230</v>
      </c>
      <c r="E20" s="10">
        <v>19677771</v>
      </c>
      <c r="F20" s="10">
        <v>2028</v>
      </c>
      <c r="G20" s="10">
        <v>1741634</v>
      </c>
      <c r="H20" s="10">
        <v>176</v>
      </c>
      <c r="I20" s="10">
        <v>133438</v>
      </c>
      <c r="J20" s="10">
        <v>0</v>
      </c>
      <c r="K20" s="17">
        <v>0</v>
      </c>
      <c r="L20" s="25"/>
      <c r="N20" s="8"/>
    </row>
    <row r="21" spans="1:14" ht="27.75" customHeight="1">
      <c r="A21" s="22">
        <v>30</v>
      </c>
      <c r="B21" s="28">
        <v>31733</v>
      </c>
      <c r="C21" s="10">
        <v>21865999</v>
      </c>
      <c r="D21" s="10">
        <v>29506</v>
      </c>
      <c r="E21" s="10">
        <v>19975441</v>
      </c>
      <c r="F21" s="10">
        <v>2061</v>
      </c>
      <c r="G21" s="10">
        <v>1764340</v>
      </c>
      <c r="H21" s="10">
        <v>166</v>
      </c>
      <c r="I21" s="10">
        <v>126218</v>
      </c>
      <c r="J21" s="10">
        <v>0</v>
      </c>
      <c r="K21" s="17">
        <v>0</v>
      </c>
      <c r="L21" s="25"/>
      <c r="N21" s="8"/>
    </row>
    <row r="22" spans="1:14" ht="22.7" customHeight="1" thickBot="1">
      <c r="A22" s="24" t="s">
        <v>12</v>
      </c>
      <c r="B22" s="26">
        <f>SUM(D22,F22,H22,J22)</f>
        <v>32060</v>
      </c>
      <c r="C22" s="27">
        <f>SUM(E22,G22,I22,K22)</f>
        <v>22210396</v>
      </c>
      <c r="D22" s="27">
        <v>29811</v>
      </c>
      <c r="E22" s="27">
        <v>20307620</v>
      </c>
      <c r="F22" s="27">
        <v>2091</v>
      </c>
      <c r="G22" s="27">
        <v>1786825</v>
      </c>
      <c r="H22" s="27">
        <v>158</v>
      </c>
      <c r="I22" s="27">
        <v>115951</v>
      </c>
      <c r="J22" s="27">
        <v>0</v>
      </c>
      <c r="K22" s="29">
        <v>0</v>
      </c>
      <c r="N22" s="8"/>
    </row>
    <row r="23" spans="1:14">
      <c r="A23" s="9"/>
      <c r="B23" s="10"/>
      <c r="C23" s="10"/>
      <c r="D23" s="10"/>
      <c r="E23" s="10"/>
      <c r="F23" s="10"/>
      <c r="G23" s="10"/>
      <c r="H23" s="10"/>
      <c r="I23" s="10"/>
      <c r="J23" s="10"/>
      <c r="K23" s="10"/>
    </row>
    <row r="24" spans="1:14">
      <c r="A24" s="4" t="s">
        <v>11</v>
      </c>
    </row>
    <row r="26" spans="1:14" ht="19.5" customHeight="1"/>
    <row r="27" spans="1:14">
      <c r="K27" s="6"/>
    </row>
  </sheetData>
  <mergeCells count="6">
    <mergeCell ref="H3:I3"/>
    <mergeCell ref="J3:K3"/>
    <mergeCell ref="A3:A4"/>
    <mergeCell ref="B3:C3"/>
    <mergeCell ref="D3:E3"/>
    <mergeCell ref="F3:G3"/>
  </mergeCells>
  <phoneticPr fontId="2"/>
  <printOptions horizontalCentered="1"/>
  <pageMargins left="0.59055118110236227" right="0.59055118110236227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9-14</vt:lpstr>
      <vt:lpstr>'19-1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社会福祉</dc:title>
  <dc:creator>DensanUser</dc:creator>
  <cp:lastModifiedBy>Administrator</cp:lastModifiedBy>
  <cp:lastPrinted>2021-02-03T07:26:08Z</cp:lastPrinted>
  <dcterms:created xsi:type="dcterms:W3CDTF">1997-01-08T22:48:59Z</dcterms:created>
  <dcterms:modified xsi:type="dcterms:W3CDTF">2021-02-03T07:26:38Z</dcterms:modified>
</cp:coreProperties>
</file>